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di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D233B51-0ECD-70A5-67F8-2F541F0E26B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18163" y="5349875"/>
            <a:ext cx="1483282" cy="114509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CF84124-1927-0DDD-9E4C-59C59BEAFDD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305" y="4228440"/>
            <a:ext cx="1483282" cy="114509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05T06:31:15Z</dcterms:modified>
</cp:coreProperties>
</file>